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  <p:sldMasterId id="2147483799" r:id="rId2"/>
  </p:sldMasterIdLst>
  <p:notesMasterIdLst>
    <p:notesMasterId r:id="rId15"/>
  </p:notesMasterIdLst>
  <p:handoutMasterIdLst>
    <p:handoutMasterId r:id="rId16"/>
  </p:handoutMasterIdLst>
  <p:sldIdLst>
    <p:sldId id="257" r:id="rId3"/>
    <p:sldId id="461" r:id="rId4"/>
    <p:sldId id="451" r:id="rId5"/>
    <p:sldId id="462" r:id="rId6"/>
    <p:sldId id="456" r:id="rId7"/>
    <p:sldId id="300" r:id="rId8"/>
    <p:sldId id="301" r:id="rId9"/>
    <p:sldId id="457" r:id="rId10"/>
    <p:sldId id="458" r:id="rId11"/>
    <p:sldId id="459" r:id="rId12"/>
    <p:sldId id="460" r:id="rId13"/>
    <p:sldId id="455" r:id="rId14"/>
  </p:sldIdLst>
  <p:sldSz cx="12190413" cy="6859588"/>
  <p:notesSz cx="6858000" cy="9144000"/>
  <p:custDataLst>
    <p:tags r:id="rId17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o-Jung Chien" initials="CC" lastIdx="1" clrIdx="0">
    <p:extLst>
      <p:ext uri="{19B8F6BF-5375-455C-9EA6-DF929625EA0E}">
        <p15:presenceInfo xmlns:p15="http://schemas.microsoft.com/office/powerpoint/2012/main" userId="S-1-5-21-1123561945-1202660629-725345543-23400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33CC"/>
    <a:srgbClr val="59BFF5"/>
    <a:srgbClr val="E3F2FF"/>
    <a:srgbClr val="F1F9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79" autoAdjust="0"/>
    <p:restoredTop sz="86482" autoAdjust="0"/>
  </p:normalViewPr>
  <p:slideViewPr>
    <p:cSldViewPr snapToGrid="0">
      <p:cViewPr varScale="1">
        <p:scale>
          <a:sx n="121" d="100"/>
          <a:sy n="121" d="100"/>
        </p:scale>
        <p:origin x="804" y="10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commentAuthors" Target="commentAuthors.xml"/><Relationship Id="rId3" Type="http://schemas.openxmlformats.org/officeDocument/2006/relationships/slide" Target="slides/slide1.xml"/><Relationship Id="rId21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tags" Target="tags/tag1.xml"/><Relationship Id="rId2" Type="http://schemas.openxmlformats.org/officeDocument/2006/relationships/slideMaster" Target="slideMasters/slideMaster2.xml"/><Relationship Id="rId16" Type="http://schemas.openxmlformats.org/officeDocument/2006/relationships/handoutMaster" Target="handoutMasters/handoutMaster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04-12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04/12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6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9572915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7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74003154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2" y="4841825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/>
            </a:lvl1pPr>
          </a:lstStyle>
          <a:p>
            <a:pPr lvl="0"/>
            <a:r>
              <a:rPr lang="en-GB" dirty="0"/>
              <a:t>Subtitle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869474" y="6281955"/>
            <a:ext cx="6701689" cy="168063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7911486-6FB3-4B5E-9E9F-4E68B86BFAB3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7313612" y="1645032"/>
            <a:ext cx="40735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FF20881-F81B-4002-8633-D30B4C975D37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89582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B66D862-600D-48C8-8F85-19CC3E0B1DC7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7A02C95-B75E-4026-8C75-E92117B7E863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C561E10-94E6-4C65-A83E-4A0247FD64B9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F682B3-15BA-47D0-B191-ECEF31D65243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3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585EE85-6531-4BF0-AF17-3C31B489C7B6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9CA478-1548-4258-B776-CD375142AA82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FFA6BD5-1F82-4DFF-A877-528EE09DA81D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071936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cap="none"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6B9D2FF-656E-4B01-B626-DDA557E27024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24431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66C8DA7-8257-4F44-AD1F-47D77110E545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85D2C888-1A84-4B0E-9B6E-78F9372E808C}" type="datetime1">
              <a:rPr lang="en-GB" smtClean="0"/>
              <a:t>04/12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742569-4E06-4BA8-97B4-9EE290B48FBA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5C9069A-CE35-430E-8488-1CD4C0BF9A4E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04864" y="421976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1612900" y="906698"/>
            <a:ext cx="3257550" cy="2158049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D3CE88-C4A7-4EEA-808C-13A163823CDF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954A5A2-98C9-40D0-A9A4-0934037ABAA3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3C52938-36F2-483A-90E1-7C6B398C329E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7B74E93-144F-4DB9-8C27-19F802D9FA59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B57B028-50E3-41B4-A7B5-26D92FAF78AA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3EA501F-D3D0-43C0-9904-E790AEA366FB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6801236-C41F-4CE1-87FD-BC67472741AC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610AA71-D7A8-413A-8394-5C05D04E7029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0AF2302B-7012-4DE4-9A47-B275FC7990F6}" type="datetime1">
              <a:rPr lang="en-GB" smtClean="0"/>
              <a:t>04/12/2019</a:t>
            </a:fld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C141FB4-7BF1-4DB0-940E-B14C6EB28783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750DBD0-68BA-411A-86AC-8A85C0F07CF0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 cap="none" baseline="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FF3501DC-63E8-4AF5-BE5E-E05A579B46DC}" type="datetime1">
              <a:rPr lang="en-GB" smtClean="0"/>
              <a:t>04/12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655C8A1A-9AB8-4DC5-BE91-DCBE600E270C}" type="datetime1">
              <a:rPr lang="en-GB" smtClean="0"/>
              <a:t>04/12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D52EB9-2063-4FBE-ADB5-395C3BA756DA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E34A71B-2122-4592-A043-C95CEBD2C97A}" type="datetime1">
              <a:rPr lang="en-GB" smtClean="0"/>
              <a:t>04/1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38D32DB-F5D9-4F9E-80C2-ECC0A88DEE0F}" type="datetime1">
              <a:rPr lang="en-GB" smtClean="0"/>
              <a:t>04/1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 hasCustomPrompt="1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none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BA66E57D-050E-497F-BCE0-01E307159441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C2B819A-5F70-4D6E-BD68-2E6409A77FF5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E68FD9-FC5B-4542-BC94-890ACC3A66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2413" cy="2389187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F23550-1B7A-4046-947A-010FB6D33E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3625"/>
            <a:ext cx="9142413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18D2F9-5994-4FBB-8131-A38E517F0B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1AB474-42FD-469F-A285-30EB32FE38A1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4F542A-79CB-486C-9358-821FD06D63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899A9-7E20-47D8-8D6D-0B9AB76FCE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4757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5AF8DE4-7275-47B9-A04C-74A752AA4CD6}" type="datetime1">
              <a:rPr lang="en-GB" smtClean="0"/>
              <a:t>04/1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44566-2FE5-4F83-8D27-414B754BD1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4E021E-A090-4317-BEE0-19BD522284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97A46C-2744-49CC-B81B-B29D042618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4621C3-BD3E-42B8-A7EC-617BC4B83649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7963C-79F3-4F1A-BE74-32A466C1B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0B1753-A186-4611-830A-8A3B94CAC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99335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F33480-2DFD-4FE1-849D-BFE79B49C8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4013" cy="2854325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8C6C47C-D7A2-4604-A112-E2CF872D30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91050"/>
            <a:ext cx="10514013" cy="1500188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8E22E8-F3EC-4504-91E2-28FBA9C3D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A7A92A-1A2E-4EBD-8DF7-FA38D1502BDB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4D2DB4-E4D5-44BF-BC75-F76C3148C3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DD57D-7F05-406F-A891-4BA1766D0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29622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C0370C-1746-4FE9-B061-B877586907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13EF38-F4AA-4043-8B05-736435FA6D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0013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C70C353-78A0-430C-9F1A-AB167779EA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613" y="1825625"/>
            <a:ext cx="5181600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286704D-4E38-41B2-B562-854202689D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CF61C4-B3AC-49EE-8A38-579FFFC8BC63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4916535-D870-4802-AA97-8462159D87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F0D28C-A8D9-44B8-9F88-25E57C7FBB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74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4BD2EF-7B54-4CBE-A683-F3C249B27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401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899BFD-B309-4C77-AE84-32B9CC4521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71B77-7377-4CB5-98C2-338DAF2B4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61F707-0067-413F-9E9C-2D3B97F4B69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613" y="1681163"/>
            <a:ext cx="51831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92E2F2E-3C55-4431-9CE9-DF216FD8216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613" y="2505075"/>
            <a:ext cx="51831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2465BC9-096A-4724-B5B2-D8A70D4C3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EE64FD-513A-4324-A679-4C40527B09D6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1ACAE29-D085-4003-BE54-737D04CB9E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FDC0D52-D016-4F04-AB51-3FF17C6FD9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632432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021EB3-8607-4F36-9DBE-CB39811CE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72199A-112E-4193-9A7D-905AEFA74D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E7D50F-F04A-4464-B01E-F00256BAE528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1627035-1771-4F52-A383-7F3C3AF38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B9BEC0-7DFA-4F7D-BD42-64D7A0F2F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576683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BAE2EB-21EA-49E0-9C07-FF8D984B1E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5E505C-5175-455A-B2AE-31044B25BE51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286FB81-B423-4C11-A537-043789F469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539772-0498-48FB-863B-8D7B3DB579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626290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4D94B-2382-4C62-A239-681566AF1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5AD7FD-ED81-4082-9C9C-8E618BBB19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1B0E96-6F9B-4EAA-9BC6-AEC27E576A1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6A069D-2AFC-42A5-AC32-D1DA6688CF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CD7BA6-2136-4C5F-91D4-25226C5A00D1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1715A6-C8A9-4A3E-AD2E-71DB869695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0824C1-EC2D-47D4-BCEC-20C0ABAD80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204341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6E88BD-4420-4F01-AB5B-AD6FCC569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45CEBB7-4A65-44BD-AEFF-5C3DDF3E13A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63D138-8D43-4973-B3CF-3EFA793E4A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6E9C93-2982-4E29-82C3-67D9B8B22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F7BECA-609A-4F3C-946A-6A4C903A8276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AFDCDD-92B0-4892-BEB7-AA2D000167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61E43FE-A443-4ACC-9D51-0D05DEB0F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4667545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622A91-BEA7-42C3-B2E8-38A762BBF5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C28C66-939A-4677-AF58-018593953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0D33D8-9ECA-419D-9655-B9F76AC67B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2C987B-DD67-4CC3-B3E3-EF80A846FBEA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3E21A2-0119-4543-815F-2107CF066A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D98A4A-7D42-4E32-8B17-2049746A04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18833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3A435E-A970-45EE-A8F1-785EF7EC0E7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7313" cy="58134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A83E55-CD50-40A9-B002-D7A61E745D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34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33ED7A-6A1E-4D1E-9184-99BDA272D6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335508-1941-4546-BBFA-8C06469D9F5E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477613-2363-4C80-AE28-D9FD9C627D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7B7927-994B-457F-92CB-D61761E2E6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93830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baseline="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31F44C6-0D2A-4A9C-B47D-813C7CB28981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cap="none" baseline="0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none" baseline="0">
                <a:solidFill>
                  <a:schemeClr val="bg1"/>
                </a:solidFill>
              </a:defRPr>
            </a:lvl1pPr>
            <a:lvl2pPr marL="627063" indent="-265113">
              <a:defRPr sz="1400" b="1" cap="none" baseline="0">
                <a:solidFill>
                  <a:schemeClr val="bg1"/>
                </a:solidFill>
              </a:defRPr>
            </a:lvl2pPr>
            <a:lvl3pPr>
              <a:defRPr b="1" cap="none" baseline="0">
                <a:solidFill>
                  <a:schemeClr val="bg1"/>
                </a:solidFill>
              </a:defRPr>
            </a:lvl3pPr>
            <a:lvl4pPr>
              <a:defRPr b="1" cap="none" baseline="0">
                <a:solidFill>
                  <a:schemeClr val="bg1"/>
                </a:solidFill>
              </a:defRPr>
            </a:lvl4pPr>
            <a:lvl5pPr>
              <a:defRPr b="1" cap="none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54DF314A-D8D6-4B73-AF00-2AB04F9ABB49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757960" y="6281956"/>
            <a:ext cx="6813203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BB4FBDA-123A-4678-AC5E-0BFC980E30D4}" type="datetime1">
              <a:rPr lang="en-GB" smtClean="0"/>
              <a:t>04/1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99224" y="1645032"/>
            <a:ext cx="4887913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CB9A4B8-39E0-4644-BF80-0BAEA38E01F8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684838" y="1645032"/>
            <a:ext cx="57023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F1BF90D-99D4-421D-A941-D6E1E0A34034}" type="datetime1">
              <a:rPr lang="en-GB" smtClean="0"/>
              <a:t>04/1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slideLayout" Target="../slideLayouts/slideLayout49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0156681-AC4C-41F8-921C-2B49580162BD}" type="datetime1">
              <a:rPr lang="en-GB" smtClean="0"/>
              <a:t>04/12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7D9376C-C2A8-4B73-8863-91D67E57C4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4013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AAAC1E-2549-4DB4-8550-C203A84A56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4013" cy="4352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FB6D1C-135F-410A-B9C9-C8EAB8A48A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04B2A8-08AB-4DD0-B83A-2B3916558442}" type="datetime1">
              <a:rPr lang="en-GB" smtClean="0"/>
              <a:t>04/12/2019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DB1532-7F62-41F6-BDF7-BD9846A72A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7938"/>
            <a:ext cx="411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4B30BA-3351-4CF4-B2C3-BF7BEF39EA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9013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78960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4.jp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Western Regional Modeling and Analysis Platform</a:t>
            </a:r>
            <a:endParaRPr lang="en-GB" dirty="0"/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3" y="2109367"/>
            <a:ext cx="9772652" cy="742250"/>
          </a:xfrm>
        </p:spPr>
        <p:txBody>
          <a:bodyPr/>
          <a:lstStyle/>
          <a:p>
            <a:r>
              <a:rPr lang="en-US" sz="4400" dirty="0"/>
              <a:t>Update on 2014v2 Modeling</a:t>
            </a:r>
            <a:endParaRPr lang="en-GB" sz="4400" dirty="0"/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5CF200BE-F69F-4207-B519-D798523986C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94063" y="3007605"/>
            <a:ext cx="4760254" cy="2335467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GB" dirty="0"/>
              <a:t>Ralph Morris, Pradeepa Vennam, Tejas Shah Marco Rodriguez and Chao-Jung Chien</a:t>
            </a:r>
          </a:p>
          <a:p>
            <a:pPr marL="396000" lvl="1" indent="0">
              <a:buNone/>
            </a:pPr>
            <a:r>
              <a:rPr lang="en-GB" dirty="0"/>
              <a:t>	Modeling Team</a:t>
            </a:r>
          </a:p>
          <a:p>
            <a:pPr>
              <a:spcAft>
                <a:spcPts val="600"/>
              </a:spcAft>
            </a:pPr>
            <a:r>
              <a:rPr lang="en-GB" dirty="0"/>
              <a:t>John Grant, Tejas Shah, Yesica Alvarez and Amnon Bar-Ilan</a:t>
            </a:r>
          </a:p>
          <a:p>
            <a:pPr marL="396000" lvl="1" indent="0">
              <a:spcAft>
                <a:spcPts val="1800"/>
              </a:spcAft>
              <a:buNone/>
            </a:pPr>
            <a:r>
              <a:rPr lang="en-GB" dirty="0"/>
              <a:t>	Emissions Team</a:t>
            </a:r>
          </a:p>
          <a:p>
            <a:pPr>
              <a:spcAft>
                <a:spcPts val="1800"/>
              </a:spcAft>
            </a:pPr>
            <a:r>
              <a:rPr lang="en-GB" dirty="0"/>
              <a:t>RHPWG – Emissions Inventory &amp; Modeling Protocol Subcommittee</a:t>
            </a:r>
          </a:p>
          <a:p>
            <a:r>
              <a:rPr lang="en-GB" dirty="0"/>
              <a:t>December 5, 2019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DCAC3DC-4C01-4B83-A25A-09D014CE5E0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23906"/>
          <a:stretch/>
        </p:blipFill>
        <p:spPr>
          <a:xfrm>
            <a:off x="5541030" y="2892971"/>
            <a:ext cx="6217920" cy="35486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1D9319-ECFE-49ED-A9CF-2F8E5F9675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PHASE IV – Task 4.6 2028 State-Specific Source Apportionment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B9B8BF-9ADE-47CA-A838-B397FA2C037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358011"/>
            <a:ext cx="5459068" cy="4350376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CAMx 2028OTBa PM Source Apportionment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SO4, NO3, NH4, EC, POA, Soil, CM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o SOA (do have SOAA and SOAB)</a:t>
            </a:r>
          </a:p>
          <a:p>
            <a:pPr>
              <a:spcAft>
                <a:spcPts val="600"/>
              </a:spcAft>
            </a:pPr>
            <a:r>
              <a:rPr lang="en-US" dirty="0"/>
              <a:t>Straw Person Starting Point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Geographic Regions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17 western states, EUSA, Can, Mex, Off-shore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Source Sectors:</a:t>
            </a:r>
          </a:p>
          <a:p>
            <a:pPr lvl="2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dirty="0"/>
              <a:t>Natural, WF, Rx+Ag, O&amp;G, EGU Point, Non-EGU Point, On-Road, Non-Road, Remainder Anthro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Boundary Conditions (GCBC)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atural, U.S. Anthro, Intl Anthro</a:t>
            </a:r>
          </a:p>
          <a:p>
            <a:r>
              <a:rPr lang="en-US" dirty="0"/>
              <a:t>Task Product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28 Vis Impairment at CIAs by State and Sector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tributions of International Anthro emissions</a:t>
            </a:r>
          </a:p>
          <a:p>
            <a:pPr lvl="3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3C2ED1D-053A-4F7D-8DD5-CD29CFB2713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190738B-8EF0-4C35-BBD6-E5F9914B8132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6350052" y="1358011"/>
            <a:ext cx="4810035" cy="45921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65377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4A5C14-2FAF-4E39-AB4A-DBC8CB533C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13126" y="453600"/>
            <a:ext cx="10588624" cy="748800"/>
          </a:xfrm>
        </p:spPr>
        <p:txBody>
          <a:bodyPr/>
          <a:lstStyle/>
          <a:p>
            <a:r>
              <a:rPr lang="en-US" dirty="0"/>
              <a:t>WRAP PHASE IV:  Task 6:  IWDW Suppo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0F6078-07F8-463A-AD8F-294FFB9C19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313125" y="1202400"/>
            <a:ext cx="7563290" cy="4505987"/>
          </a:xfrm>
        </p:spPr>
        <p:txBody>
          <a:bodyPr/>
          <a:lstStyle/>
          <a:p>
            <a:r>
              <a:rPr lang="en-US" dirty="0"/>
              <a:t>2014v2, RepBase and 2028OTB CAMx verification runs on IWDW</a:t>
            </a:r>
          </a:p>
          <a:p>
            <a:r>
              <a:rPr lang="en-US" dirty="0"/>
              <a:t>Assist IWDW in implementing modeling results on IWD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echnical Support System (TSS) and WRAP 2014 modeling webpag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teractive tools for MPE, URP Glideslope, Source Apportionment</a:t>
            </a:r>
          </a:p>
          <a:p>
            <a:r>
              <a:rPr lang="en-US" dirty="0"/>
              <a:t>Weighted Emissions Potential (WEP)/ Area of Influence (AOI)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F4BE13-B79D-4363-9EC5-E05BAA6BE9C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4CEAEFB-61B2-4B34-8642-3ED857C4DD9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4803" y="65695"/>
            <a:ext cx="2667434" cy="3455376"/>
          </a:xfrm>
          <a:prstGeom prst="rect">
            <a:avLst/>
          </a:prstGeom>
        </p:spPr>
      </p:pic>
      <p:pic>
        <p:nvPicPr>
          <p:cNvPr id="6" name="Picture 5" descr="\\dhex4\disk4\CenSARA_AOI\postproc\pynotebook\png\36km\residencetime.CACR1.100m.72bt.zoom.png">
            <a:extLst>
              <a:ext uri="{FF2B5EF4-FFF2-40B4-BE49-F238E27FC236}">
                <a16:creationId xmlns:a16="http://schemas.microsoft.com/office/drawing/2014/main" id="{18D65FDA-4F3D-4685-92D9-F80D6BD64E37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870" y="3455393"/>
            <a:ext cx="3540941" cy="3112699"/>
          </a:xfrm>
          <a:prstGeom prst="rect">
            <a:avLst/>
          </a:prstGeom>
          <a:noFill/>
          <a:ln>
            <a:noFill/>
          </a:ln>
        </p:spPr>
      </p:pic>
      <p:pic>
        <p:nvPicPr>
          <p:cNvPr id="8" name="Picture 7" descr="\\dhex4\disk4\CenSARA_AOI\postproc\pynotebook\png\36km\ewrt.so4.CACR1.100m.72bt.zoom.png">
            <a:extLst>
              <a:ext uri="{FF2B5EF4-FFF2-40B4-BE49-F238E27FC236}">
                <a16:creationId xmlns:a16="http://schemas.microsoft.com/office/drawing/2014/main" id="{4560C0D5-29E1-45E2-90E4-D3271F54B3B5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89749" y="3711547"/>
            <a:ext cx="4148140" cy="2828594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367035E2-6B96-4042-B66A-3FF20B4995F8}"/>
              </a:ext>
            </a:extLst>
          </p:cNvPr>
          <p:cNvGrpSpPr/>
          <p:nvPr/>
        </p:nvGrpSpPr>
        <p:grpSpPr>
          <a:xfrm>
            <a:off x="7189551" y="3689469"/>
            <a:ext cx="4148140" cy="2828595"/>
            <a:chOff x="248496" y="3429793"/>
            <a:chExt cx="2724785" cy="2377441"/>
          </a:xfrm>
        </p:grpSpPr>
        <p:pic>
          <p:nvPicPr>
            <p:cNvPr id="11" name="Picture 10" descr="\\dhex4\disk4\CenSARA_AOI\postproc\pynotebook\png\36km\ewrt.so4.CACR1.100m.72bt.zoom.png">
              <a:extLst>
                <a:ext uri="{FF2B5EF4-FFF2-40B4-BE49-F238E27FC236}">
                  <a16:creationId xmlns:a16="http://schemas.microsoft.com/office/drawing/2014/main" id="{6D2EFC04-392D-45AB-8028-F8954FCEBA99}"/>
                </a:ext>
              </a:extLst>
            </p:cNvPr>
            <p:cNvPicPr/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00000" b="-1616"/>
            <a:stretch/>
          </p:blipFill>
          <p:spPr bwMode="auto">
            <a:xfrm>
              <a:off x="248496" y="3429793"/>
              <a:ext cx="2724785" cy="3842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12" name="Picture 11" descr="\\dhex4\disk4\CenSARA_AOI\postproc\pynotebook\png\36km\ewrt.qd.2016.so2.CACR1.100m.72bt.zoom.png">
              <a:extLst>
                <a:ext uri="{FF2B5EF4-FFF2-40B4-BE49-F238E27FC236}">
                  <a16:creationId xmlns:a16="http://schemas.microsoft.com/office/drawing/2014/main" id="{48A4725D-9643-4CBA-B65D-826AC6BFF31B}"/>
                </a:ext>
              </a:extLst>
            </p:cNvPr>
            <p:cNvPicPr/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7868" y="3439319"/>
              <a:ext cx="2606040" cy="2367915"/>
            </a:xfrm>
            <a:prstGeom prst="rect">
              <a:avLst/>
            </a:prstGeom>
            <a:noFill/>
            <a:ln>
              <a:noFill/>
            </a:ln>
          </p:spPr>
        </p:pic>
      </p:grpSp>
    </p:spTree>
    <p:extLst>
      <p:ext uri="{BB962C8B-B14F-4D97-AF65-F5344CB8AC3E}">
        <p14:creationId xmlns:p14="http://schemas.microsoft.com/office/powerpoint/2010/main" val="307402386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9946FD-860D-4C03-B49C-D5A76D6A1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2014 PHASE IV MODELING SCHEDUL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89AA85C-48FC-40F3-99F9-6775C83908B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84F4E18-9B36-43FD-9D58-C60D400887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62784" y="1382648"/>
            <a:ext cx="10184385" cy="4363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07469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6391128C-98BD-408E-8D86-A9EE240E75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odays Content (Dec 5, 2019)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BE1D03CF-9F76-4B77-BBE8-2221858ACD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400"/>
            <a:ext cx="10588625" cy="4505987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On-Going WRAP 2014 Phase III Modeling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ask 1.6:  2014v2 36/12-km CAMx Annual Modeling and Model Performance Evaluation (Dec 2019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ask 2.2:  RepBase SMOKE Emissions Modeling (Dec 2019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ask 2.3: RepBase CAMx 36/12-km Modeling (Dec 2019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>
                <a:solidFill>
                  <a:schemeClr val="bg1">
                    <a:lumMod val="65000"/>
                  </a:schemeClr>
                </a:solidFill>
              </a:rPr>
              <a:t>Task 1.7:  2014 GEOS-Chem/RepBase CAMx NAT and (ZROW) Modeling (Dec-Jan 2020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>
                <a:solidFill>
                  <a:schemeClr val="bg1">
                    <a:lumMod val="65000"/>
                  </a:schemeClr>
                </a:solidFill>
              </a:rPr>
              <a:t>Task 1.8:  CAMx RepBase ANT/NAT Source Apportionment Modeling (Dec-Jan 2019)</a:t>
            </a:r>
          </a:p>
          <a:p>
            <a:pPr>
              <a:spcAft>
                <a:spcPts val="600"/>
              </a:spcAft>
            </a:pPr>
            <a:r>
              <a:rPr lang="en-US" dirty="0"/>
              <a:t>2028 Mobile Source Emissions Development for 12WUS2 Domain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On-road Mobile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n-Road Mobile Sources (Off-Road Equipment, Rail, Marine, Aircraft)</a:t>
            </a:r>
          </a:p>
          <a:p>
            <a:pPr>
              <a:spcAft>
                <a:spcPts val="600"/>
              </a:spcAft>
            </a:pPr>
            <a:r>
              <a:rPr lang="en-US" dirty="0"/>
              <a:t>New WRAP 2014 Phase IV Modeling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ask 3:  Dynamic Evaluation (2002 Modeling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ask 4:  2028 SMOKE Emissions and CAMx Photochemical Modeling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ask 6:  IWDW Verification, Data Transfer and Tool Develop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ask 6.2: WEP/AOI Analysis</a:t>
            </a:r>
          </a:p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2CE6F96-1A85-491E-BBE3-0934506AFD7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40717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6F84059-1117-48DF-A1E7-850A4FDEC35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A853D21-55C5-4EF8-9F98-7E735856C7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v1 vs. 2014v2 Final model configuration</a:t>
            </a:r>
            <a:br>
              <a:rPr lang="en-US" dirty="0"/>
            </a:br>
            <a:r>
              <a:rPr lang="en-US" dirty="0"/>
              <a:t>(</a:t>
            </a:r>
            <a:r>
              <a:rPr lang="en-US" cap="none" dirty="0"/>
              <a:t>Major Changes in </a:t>
            </a:r>
            <a:r>
              <a:rPr lang="en-US" cap="none" dirty="0">
                <a:solidFill>
                  <a:srgbClr val="FF0000"/>
                </a:solidFill>
              </a:rPr>
              <a:t>Red</a:t>
            </a:r>
            <a:r>
              <a:rPr lang="en-US" dirty="0"/>
              <a:t>)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2128A46E-1090-4CBF-A98F-AEC7FBF7AFE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34231579"/>
              </p:ext>
            </p:extLst>
          </p:nvPr>
        </p:nvGraphicFramePr>
        <p:xfrm>
          <a:off x="2160104" y="1484612"/>
          <a:ext cx="8747095" cy="4953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49419">
                  <a:extLst>
                    <a:ext uri="{9D8B030D-6E8A-4147-A177-3AD203B41FA5}">
                      <a16:colId xmlns:a16="http://schemas.microsoft.com/office/drawing/2014/main" val="3404631355"/>
                    </a:ext>
                  </a:extLst>
                </a:gridCol>
                <a:gridCol w="1749419">
                  <a:extLst>
                    <a:ext uri="{9D8B030D-6E8A-4147-A177-3AD203B41FA5}">
                      <a16:colId xmlns:a16="http://schemas.microsoft.com/office/drawing/2014/main" val="4196222381"/>
                    </a:ext>
                  </a:extLst>
                </a:gridCol>
                <a:gridCol w="1749419">
                  <a:extLst>
                    <a:ext uri="{9D8B030D-6E8A-4147-A177-3AD203B41FA5}">
                      <a16:colId xmlns:a16="http://schemas.microsoft.com/office/drawing/2014/main" val="1012237932"/>
                    </a:ext>
                  </a:extLst>
                </a:gridCol>
                <a:gridCol w="1778921">
                  <a:extLst>
                    <a:ext uri="{9D8B030D-6E8A-4147-A177-3AD203B41FA5}">
                      <a16:colId xmlns:a16="http://schemas.microsoft.com/office/drawing/2014/main" val="4151770915"/>
                    </a:ext>
                  </a:extLst>
                </a:gridCol>
                <a:gridCol w="1719917">
                  <a:extLst>
                    <a:ext uri="{9D8B030D-6E8A-4147-A177-3AD203B41FA5}">
                      <a16:colId xmlns:a16="http://schemas.microsoft.com/office/drawing/2014/main" val="3342197179"/>
                    </a:ext>
                  </a:extLst>
                </a:gridCol>
              </a:tblGrid>
              <a:tr h="377970">
                <a:tc>
                  <a:txBody>
                    <a:bodyPr/>
                    <a:lstStyle/>
                    <a:p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Option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CAMx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tx1"/>
                          </a:solidFill>
                        </a:rPr>
                        <a:t>CMAQ (Postponed)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83717022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rgbClr val="59BFF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2014v1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2014v2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2014v1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chemeClr val="tx1"/>
                          </a:solidFill>
                        </a:rPr>
                        <a:t>2014v2</a:t>
                      </a:r>
                    </a:p>
                  </a:txBody>
                  <a:tcPr>
                    <a:solidFill>
                      <a:srgbClr val="59BFF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4355836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Mode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CAMx v6.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CAMx v7.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CMAQ v5.2.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CMAQ V5.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00988281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Nest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One-Way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Two-W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One-Wa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One-W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701651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# Leve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5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3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81625204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BC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EPA G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WRAP G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EPA G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WRAP GC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2948513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Anthro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014v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2014v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014v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2014v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098490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Biogen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E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E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E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EI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93717345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Fir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luesk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WRA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luesk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Bluesk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0256900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NH3 BiD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13581912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Elemen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5079499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r>
                        <a:rPr lang="en-US" dirty="0"/>
                        <a:t>SOAAL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N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>
                          <a:solidFill>
                            <a:srgbClr val="FF0000"/>
                          </a:solidFill>
                        </a:rPr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Y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13470505"/>
                  </a:ext>
                </a:extLst>
              </a:tr>
              <a:tr h="37797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692092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227799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EA412F5-56F7-4127-AC7C-2687FE7F61A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80525E7-9B28-4FFE-94D3-2FA25F9B96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urces of R</a:t>
            </a:r>
            <a:r>
              <a:rPr lang="en-US" cap="none" dirty="0"/>
              <a:t>ep</a:t>
            </a:r>
            <a:r>
              <a:rPr lang="en-US" dirty="0"/>
              <a:t>B</a:t>
            </a:r>
            <a:r>
              <a:rPr lang="en-US" cap="none" dirty="0"/>
              <a:t>ase</a:t>
            </a:r>
            <a:r>
              <a:rPr lang="en-US" dirty="0"/>
              <a:t> and 2028OTB</a:t>
            </a:r>
            <a:r>
              <a:rPr lang="en-US" cap="none" dirty="0"/>
              <a:t>a</a:t>
            </a:r>
            <a:r>
              <a:rPr lang="en-US" dirty="0"/>
              <a:t> Emissions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45D6AFE7-EB81-4B22-AB32-3AABDCA5ECB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92888167"/>
              </p:ext>
            </p:extLst>
          </p:nvPr>
        </p:nvGraphicFramePr>
        <p:xfrm>
          <a:off x="1983036" y="1123720"/>
          <a:ext cx="7028762" cy="495177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09426">
                  <a:extLst>
                    <a:ext uri="{9D8B030D-6E8A-4147-A177-3AD203B41FA5}">
                      <a16:colId xmlns:a16="http://schemas.microsoft.com/office/drawing/2014/main" val="1701387078"/>
                    </a:ext>
                  </a:extLst>
                </a:gridCol>
                <a:gridCol w="2009668">
                  <a:extLst>
                    <a:ext uri="{9D8B030D-6E8A-4147-A177-3AD203B41FA5}">
                      <a16:colId xmlns:a16="http://schemas.microsoft.com/office/drawing/2014/main" val="3351125114"/>
                    </a:ext>
                  </a:extLst>
                </a:gridCol>
                <a:gridCol w="2009668">
                  <a:extLst>
                    <a:ext uri="{9D8B030D-6E8A-4147-A177-3AD203B41FA5}">
                      <a16:colId xmlns:a16="http://schemas.microsoft.com/office/drawing/2014/main" val="344043866"/>
                    </a:ext>
                  </a:extLst>
                </a:gridCol>
              </a:tblGrid>
              <a:tr h="458427"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Source Sector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Representative</a:t>
                      </a:r>
                    </a:p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Baseline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2028 OTBa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391470754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California 12WUS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CARB-2014v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CARB-2028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657166540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WRAP Fossil EGU w/ CEM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RB-EG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28-EG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153732689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WRAP Fossil EGU w/o CEM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RB-EG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28-EGU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315072360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WRAP Non-Fossil EGU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96754807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Non-WRAP EGU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501763475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&amp;G WRAP O&amp;G States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RB-O&amp;G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28-O&amp;G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48001196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&amp;G WRAP Other States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95689281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&amp;G non-WRAP States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707009001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WRAP Non-EGU Point</a:t>
                      </a:r>
                      <a:r>
                        <a:rPr lang="en-US" sz="1400" baseline="30000" dirty="0">
                          <a:solidFill>
                            <a:schemeClr val="tx1"/>
                          </a:solidFill>
                          <a:effectLst/>
                        </a:rPr>
                        <a:t>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v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583705611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Non-WRAP non-EGU Point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543709183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n-Road Mobile 12WUS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v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28-Mobile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567054836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n-Road Mobile 36US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20769373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Non-Road 12WUS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28-Mobile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59449590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Non-Road non-WRAP 36US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84090737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Other (Non-Point) 12WUS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941258857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Can/Mex/Offs 12WUS2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16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EPA-2028v1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75388442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Fires (WF, Rx, Ag)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RB-Fire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rgbClr val="C00000"/>
                          </a:solidFill>
                          <a:effectLst/>
                        </a:rPr>
                        <a:t>WRAP-RB-Fires</a:t>
                      </a:r>
                      <a:endParaRPr lang="en-US" sz="1400" dirty="0">
                        <a:solidFill>
                          <a:srgbClr val="C00000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9333766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Natural (Bio, etc.)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v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v2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53429533"/>
                  </a:ext>
                </a:extLst>
              </a:tr>
              <a:tr h="23649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solidFill>
                            <a:schemeClr val="tx1"/>
                          </a:solidFill>
                          <a:effectLst/>
                        </a:rPr>
                        <a:t>Boundary Conditions (BCs)</a:t>
                      </a:r>
                      <a:endParaRPr lang="en-US" sz="1400" dirty="0">
                        <a:solidFill>
                          <a:schemeClr val="tx1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-GEOS</a:t>
                      </a:r>
                      <a:r>
                        <a:rPr lang="en-US" sz="1400" baseline="30000" dirty="0">
                          <a:effectLst/>
                        </a:rPr>
                        <a:t>5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300"/>
                        </a:spcAft>
                      </a:pPr>
                      <a:r>
                        <a:rPr lang="en-US" sz="1400" dirty="0">
                          <a:effectLst/>
                        </a:rPr>
                        <a:t>WRAP-2014-GEOS</a:t>
                      </a:r>
                      <a:r>
                        <a:rPr lang="en-US" sz="1400" baseline="30000" dirty="0">
                          <a:effectLst/>
                        </a:rPr>
                        <a:t>5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57551219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9889297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B05AB52-5593-4D55-86A8-0CB1A892E0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6103" y="453600"/>
            <a:ext cx="11012557" cy="748800"/>
          </a:xfrm>
        </p:spPr>
        <p:txBody>
          <a:bodyPr/>
          <a:lstStyle/>
          <a:p>
            <a:r>
              <a:rPr lang="en-US" dirty="0"/>
              <a:t>WRAP PHASE III – BUILDING BLOCKS FOR REGIONAL HAZE SIP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4F80D306-E96B-4E97-9462-24620D076C9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31236"/>
            <a:ext cx="10588625" cy="4277152"/>
          </a:xfrm>
        </p:spPr>
        <p:txBody>
          <a:bodyPr/>
          <a:lstStyle/>
          <a:p>
            <a:r>
              <a:rPr lang="en-US" sz="2000" dirty="0"/>
              <a:t>2014v2 CAMx actual base case and model performance evaluation (MPE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MPE essential component of any PGM application</a:t>
            </a:r>
          </a:p>
          <a:p>
            <a:r>
              <a:rPr lang="en-US" sz="2000" dirty="0"/>
              <a:t>CAMx Representative Baseline (RepBase)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Represents 2014-2018 five-year planning period for projecting to 2028</a:t>
            </a:r>
          </a:p>
          <a:p>
            <a:r>
              <a:rPr lang="en-US" sz="2000" dirty="0"/>
              <a:t>Representative Baseline Anthro/Natural Source Apportionment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Breakdowns RepBase visibility by: U.S. Anthropogenic; International Anthropogenic; Fires; and Natura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alculate modeled Most Impaired Days (MID) and International Anthro Contribution</a:t>
            </a:r>
          </a:p>
          <a:p>
            <a:r>
              <a:rPr lang="en-US" sz="2000" dirty="0"/>
              <a:t>Natural (NAT) and International Anthropogenic Emissions (ZROW) Simula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Coupled 2014 GEOS-Chem and CAMx RepBase zero-out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Modeled estimate of Natural conditions and International Anthro Contribution</a:t>
            </a:r>
          </a:p>
          <a:p>
            <a:pPr lvl="1">
              <a:buFont typeface="Courier New" panose="02070309020205020404" pitchFamily="49" charset="0"/>
              <a:buChar char="o"/>
            </a:pPr>
            <a:endParaRPr lang="en-US" sz="18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C705A0D-EAD3-4057-B9DD-1B933A00BBB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8305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136ECB-82AF-41B9-A9C2-8CD90CAA7D6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394460"/>
            <a:ext cx="10510188" cy="4309110"/>
          </a:xfrm>
        </p:spPr>
        <p:txBody>
          <a:bodyPr/>
          <a:lstStyle/>
          <a:p>
            <a:r>
              <a:rPr lang="en-GB" dirty="0"/>
              <a:t>October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Held teleconference on October 17 summarizing on-road methodology and asking for agency input on activity forecas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Received input from several states: AZ, CO, UT</a:t>
            </a:r>
          </a:p>
          <a:p>
            <a:r>
              <a:rPr lang="en-GB" dirty="0"/>
              <a:t>November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Integrated data received from states into SMOKE-MOVES inputs and began SMOKE-MOVES runs for 2028</a:t>
            </a:r>
          </a:p>
          <a:p>
            <a:r>
              <a:rPr lang="en-GB" dirty="0"/>
              <a:t>December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Complete SMOKE-MOVES runs, summarize and QA results</a:t>
            </a:r>
          </a:p>
          <a:p>
            <a:r>
              <a:rPr lang="en-GB" dirty="0"/>
              <a:t>January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Present final WRAP-region 2028 mobile source emission inventory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4167EEF-FDB4-438E-8B54-95E63B3F57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0894" y="441630"/>
            <a:ext cx="10588624" cy="748800"/>
          </a:xfrm>
        </p:spPr>
        <p:txBody>
          <a:bodyPr/>
          <a:lstStyle/>
          <a:p>
            <a:r>
              <a:rPr lang="en-GB" cap="all" dirty="0"/>
              <a:t>2028 Mobile Sources Project Update: On-roa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E1F8A3-2DDB-4A84-A522-CDAAD446E8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indent="0" algn="r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800" b="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8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anose="020B0604030504040204" pitchFamily="34" charset="0"/>
              <a:buChar char="•"/>
              <a:defRPr sz="14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1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516394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1A136ECB-82AF-41B9-A9C2-8CD90CAA7D6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394460"/>
            <a:ext cx="10510188" cy="4309110"/>
          </a:xfrm>
        </p:spPr>
        <p:txBody>
          <a:bodyPr/>
          <a:lstStyle/>
          <a:p>
            <a:r>
              <a:rPr lang="en-GB" dirty="0"/>
              <a:t>October: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Reviewed EPA 2016v1 modeling platform methods and emissions</a:t>
            </a:r>
          </a:p>
          <a:p>
            <a:r>
              <a:rPr lang="en-GB" dirty="0"/>
              <a:t>November to early-December: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Presented summary of EPA 2016v1 modeling platform methods, emissions, and requested agency input to improve off-road emissions in the WRAP reg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Agency input due by Dec. 5</a:t>
            </a:r>
            <a:r>
              <a:rPr lang="en-GB" baseline="30000" dirty="0"/>
              <a:t>th</a:t>
            </a:r>
            <a:r>
              <a:rPr lang="en-GB" dirty="0"/>
              <a:t>.  Have already received input from UTDAQ, CDPHE.</a:t>
            </a:r>
          </a:p>
          <a:p>
            <a:r>
              <a:rPr lang="en-GB" dirty="0"/>
              <a:t>December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Ramboll will revise WRAP region emission inventory based on agency provided inputs by mid-December</a:t>
            </a:r>
          </a:p>
          <a:p>
            <a:r>
              <a:rPr lang="en-GB" dirty="0"/>
              <a:t>January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Present final WRAP-region 2028 mobile source emission inventory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4167EEF-FDB4-438E-8B54-95E63B3F57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0894" y="441630"/>
            <a:ext cx="10588624" cy="748800"/>
          </a:xfrm>
        </p:spPr>
        <p:txBody>
          <a:bodyPr/>
          <a:lstStyle/>
          <a:p>
            <a:r>
              <a:rPr lang="en-GB" cap="all" dirty="0"/>
              <a:t>Mobile Sources Project Update: OFF-roa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E1F8A3-2DDB-4A84-A522-CDAAD446E8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indent="0" algn="r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800" b="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8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anose="020B0604030504040204" pitchFamily="34" charset="0"/>
              <a:buChar char="•"/>
              <a:defRPr sz="1400" kern="1200" spc="-5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1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275460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4FBAEB-FA7F-4886-962E-1875AE0DC0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PHASE IV – Task 3:  Dynamic Evalu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4AD1E3-F822-48F6-8AFE-13886E5049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87277"/>
            <a:ext cx="10588625" cy="4221110"/>
          </a:xfrm>
        </p:spPr>
        <p:txBody>
          <a:bodyPr/>
          <a:lstStyle/>
          <a:p>
            <a:pPr>
              <a:buSzPct val="150000"/>
              <a:buFont typeface="Arial" panose="020B0604020202020204" pitchFamily="34" charset="0"/>
              <a:buChar char="•"/>
            </a:pPr>
            <a:r>
              <a:rPr lang="en-US" sz="2000" dirty="0"/>
              <a:t>Backcast 2014v2 U.S. anthropogenic emissions to 2002</a:t>
            </a:r>
          </a:p>
          <a:p>
            <a:pPr>
              <a:buSzPct val="150000"/>
              <a:buFont typeface="Arial" panose="020B0604020202020204" pitchFamily="34" charset="0"/>
              <a:buChar char="•"/>
            </a:pPr>
            <a:r>
              <a:rPr lang="en-US" sz="2000" dirty="0"/>
              <a:t>CAMx 2002 simulation using 2002 U.S. anthropogenic and RepBase other emissions and BCs</a:t>
            </a:r>
          </a:p>
          <a:p>
            <a:pPr>
              <a:buSzPct val="150000"/>
              <a:buFont typeface="Arial" panose="020B0604020202020204" pitchFamily="34" charset="0"/>
              <a:buChar char="•"/>
            </a:pPr>
            <a:r>
              <a:rPr lang="en-US" sz="2000" dirty="0"/>
              <a:t>Several products from Dynamic Evalu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U.S. anthropogenic emissions contribution to visibility impairment for 2002, RepBase (2014-2018) and 2028 (eventually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1800" dirty="0"/>
              <a:t>Evaluate Most Impaired Days (MID) projection technique by comparing observed IMPROVE MID visibility between 2000-2005 Baseline and 2014-2018 5-year planning period with modeled changes in MID visibility between 2002 and RepBas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600" dirty="0"/>
              <a:t>Can evaluate for total MID visibility impairment and by species (AmmSO4, AmmNO3, etc.)</a:t>
            </a:r>
          </a:p>
          <a:p>
            <a:pPr lvl="2">
              <a:buFont typeface="Courier New" panose="02070309020205020404" pitchFamily="49" charset="0"/>
              <a:buChar char="o"/>
            </a:pPr>
            <a:endParaRPr lang="en-US" sz="1600" dirty="0"/>
          </a:p>
          <a:p>
            <a:pPr lvl="2">
              <a:buFont typeface="Wingdings" panose="05000000000000000000" pitchFamily="2" charset="2"/>
              <a:buChar char="Ø"/>
            </a:pPr>
            <a:endParaRPr lang="en-US" dirty="0"/>
          </a:p>
          <a:p>
            <a:pPr lvl="2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91CD51-8D70-4A4C-A728-599193EF3FE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15321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07B2AAA1-F8B5-4D1D-A5B7-3AD1B36C4666}"/>
              </a:ext>
            </a:extLst>
          </p:cNvPr>
          <p:cNvPicPr/>
          <p:nvPr/>
        </p:nvPicPr>
        <p:blipFill rotWithShape="1">
          <a:blip r:embed="rId2"/>
          <a:srcRect l="30564" t="34616" r="28410" b="25898"/>
          <a:stretch/>
        </p:blipFill>
        <p:spPr bwMode="auto">
          <a:xfrm>
            <a:off x="6974740" y="1951200"/>
            <a:ext cx="3656754" cy="2815573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1D56BB72-48F3-4E8A-BDA1-3341C5F783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PHASE IV – Task 4: 2028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5A8489C-A2E2-4954-84AB-B462B260DC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189281"/>
            <a:ext cx="10588625" cy="5092719"/>
          </a:xfrm>
        </p:spPr>
        <p:txBody>
          <a:bodyPr/>
          <a:lstStyle/>
          <a:p>
            <a:r>
              <a:rPr lang="en-US" dirty="0"/>
              <a:t>2028 SMOKE emissions modeling of anthropogenic sourc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Hold natural emissions and Boundary Conditions (2014 GEOS-Chem) constant at 2014v2 levels</a:t>
            </a:r>
          </a:p>
          <a:p>
            <a:r>
              <a:rPr lang="en-US" dirty="0"/>
              <a:t>Two 2028 On-the-Book/On-the-Way CAMx simulation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28OTBa:  Use RepBase fire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28OTBb:  Use 2014v2 actual fire emissions</a:t>
            </a:r>
          </a:p>
          <a:p>
            <a:r>
              <a:rPr lang="en-US" dirty="0"/>
              <a:t>2028 Visibility Projections using RRFS:</a:t>
            </a:r>
          </a:p>
          <a:p>
            <a:pPr lvl="1"/>
            <a:r>
              <a:rPr lang="en-US" dirty="0"/>
              <a:t>CAMx 2014v2 &amp; 2028OTBb w/ 2012-2016 IMPROVE MID</a:t>
            </a:r>
          </a:p>
          <a:p>
            <a:pPr lvl="1"/>
            <a:r>
              <a:rPr lang="en-US" dirty="0"/>
              <a:t>CAMx RepBase &amp; 2028OTBa w/ 2014-2018 IMPROVE MID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Use Alternative RRF Approaches</a:t>
            </a:r>
          </a:p>
          <a:p>
            <a:r>
              <a:rPr lang="en-US" dirty="0"/>
              <a:t>Account for Effects of International Emissions in URP Glideslop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GEOS-Chem &amp; RepBase CAMx ZROW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pBase ANT/NAT/FIRE and USA/non-USA PM Source Apportionment Modeling</a:t>
            </a:r>
          </a:p>
          <a:p>
            <a:pPr lvl="1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1395949-CAD6-4BFE-A686-125141BB611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72413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4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1761</TotalTime>
  <Words>1077</Words>
  <Application>Microsoft Office PowerPoint</Application>
  <PresentationFormat>Custom</PresentationFormat>
  <Paragraphs>230</Paragraphs>
  <Slides>12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2</vt:i4>
      </vt:variant>
    </vt:vector>
  </HeadingPairs>
  <TitlesOfParts>
    <vt:vector size="20" baseType="lpstr">
      <vt:lpstr>Arial</vt:lpstr>
      <vt:lpstr>Calibri</vt:lpstr>
      <vt:lpstr>Calibri Light</vt:lpstr>
      <vt:lpstr>Courier New</vt:lpstr>
      <vt:lpstr>Verdana</vt:lpstr>
      <vt:lpstr>Wingdings</vt:lpstr>
      <vt:lpstr>Blank</vt:lpstr>
      <vt:lpstr>Custom Design</vt:lpstr>
      <vt:lpstr>Western Regional Modeling and Analysis Platform</vt:lpstr>
      <vt:lpstr>Todays Content (Dec 5, 2019)</vt:lpstr>
      <vt:lpstr>2014v1 vs. 2014v2 Final model configuration (Major Changes in Red)</vt:lpstr>
      <vt:lpstr>Sources of RepBase and 2028OTBa Emissions</vt:lpstr>
      <vt:lpstr>WRAP PHASE III – BUILDING BLOCKS FOR REGIONAL HAZE SIPs</vt:lpstr>
      <vt:lpstr>2028 Mobile Sources Project Update: On-road</vt:lpstr>
      <vt:lpstr>Mobile Sources Project Update: OFF-road</vt:lpstr>
      <vt:lpstr>WRAP PHASE IV – Task 3:  Dynamic Evaluation</vt:lpstr>
      <vt:lpstr>WRAP PHASE IV – Task 4: 2028 Modeling</vt:lpstr>
      <vt:lpstr>WRAP PHASE IV – Task 4.6 2028 State-Specific Source Apportionment Modeling</vt:lpstr>
      <vt:lpstr>WRAP PHASE IV:  Task 6:  IWDW Support</vt:lpstr>
      <vt:lpstr>WRAP 2014 PHASE IV MODELING SCHEDULE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Kraemer</dc:creator>
  <cp:lastModifiedBy>Ralph Morris</cp:lastModifiedBy>
  <cp:revision>419</cp:revision>
  <cp:lastPrinted>2019-11-14T18:27:06Z</cp:lastPrinted>
  <dcterms:created xsi:type="dcterms:W3CDTF">2018-12-11T20:49:47Z</dcterms:created>
  <dcterms:modified xsi:type="dcterms:W3CDTF">2019-12-05T00:52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